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59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=""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 varScale="1">
        <p:scale>
          <a:sx n="113" d="100"/>
          <a:sy n="113" d="100"/>
        </p:scale>
        <p:origin x="-276" y="-10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2612786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2164347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3880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690117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380740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419887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3531485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116036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0272598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1550374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0344301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5913C49-45AE-4926-BFC9-EBF79FA12E5C}" type="datetimeFigureOut">
              <a:rPr lang="en-US" smtClean="0"/>
              <a:t>4/2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584B31C-C8E6-4C46-847A-471BE8E4280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54867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784a7d6d7d0d45239f289892b8d2091d_Connector1"/>
          <p:cNvCxnSpPr/>
          <p:nvPr>
            <p:custDataLst>
              <p:tags r:id="rId2"/>
            </p:custDataLst>
          </p:nvPr>
        </p:nvCxnSpPr>
        <p:spPr>
          <a:xfrm>
            <a:off x="10564167" y="3428999"/>
            <a:ext cx="0" cy="96007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8e8e54a481a042eab1f801456bc05c03_Connector1"/>
          <p:cNvCxnSpPr/>
          <p:nvPr>
            <p:custDataLst>
              <p:tags r:id="rId3"/>
            </p:custDataLst>
          </p:nvPr>
        </p:nvCxnSpPr>
        <p:spPr>
          <a:xfrm>
            <a:off x="4501089" y="3429000"/>
            <a:ext cx="0" cy="61904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bebfde3abc684c6aa15ecbbbd869c8d6_Connector1"/>
          <p:cNvCxnSpPr/>
          <p:nvPr>
            <p:custDataLst>
              <p:tags r:id="rId4"/>
            </p:custDataLst>
          </p:nvPr>
        </p:nvCxnSpPr>
        <p:spPr>
          <a:xfrm>
            <a:off x="10224263" y="2258441"/>
            <a:ext cx="0" cy="789559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96c8e067041c4cb09fe6b98be9db4b1b_Connector1"/>
          <p:cNvCxnSpPr/>
          <p:nvPr>
            <p:custDataLst>
              <p:tags r:id="rId5"/>
            </p:custDataLst>
          </p:nvPr>
        </p:nvCxnSpPr>
        <p:spPr>
          <a:xfrm>
            <a:off x="7326571" y="2428960"/>
            <a:ext cx="0" cy="619040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8575e897a41949048038b0ff7a41e5dd_Connector1"/>
          <p:cNvCxnSpPr/>
          <p:nvPr>
            <p:custDataLst>
              <p:tags r:id="rId6"/>
            </p:custDataLst>
          </p:nvPr>
        </p:nvCxnSpPr>
        <p:spPr>
          <a:xfrm>
            <a:off x="1109789" y="2428960"/>
            <a:ext cx="0" cy="619040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784a7d6d7d0d45239f289892b8d2091d_Connector1"/>
          <p:cNvCxnSpPr/>
          <p:nvPr>
            <p:custDataLst>
              <p:tags r:id="rId7"/>
            </p:custDataLst>
          </p:nvPr>
        </p:nvCxnSpPr>
        <p:spPr>
          <a:xfrm>
            <a:off x="10564167" y="3429000"/>
            <a:ext cx="0" cy="1270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8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/>
              </a:rPr>
              <a:t>1966</a:t>
            </a:r>
            <a:endParaRPr lang="en-US" b="1">
              <a:solidFill>
                <a:srgbClr val="C0504D"/>
              </a:solidFill>
              <a:latin typeface="Calibri"/>
            </a:endParaRP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107306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66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213965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20315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72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327026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333760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78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440035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463850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84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553095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559445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90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666104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672454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1996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779165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7855150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2002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8921740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8985240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2008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25"/>
            </p:custDataLst>
          </p:nvPr>
        </p:nvCxnSpPr>
        <p:spPr>
          <a:xfrm>
            <a:off x="10052345" y="31115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26"/>
            </p:custDataLst>
          </p:nvPr>
        </p:nvSpPr>
        <p:spPr>
          <a:xfrm>
            <a:off x="10115845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lt1"/>
                </a:solidFill>
                <a:latin typeface="Calibri"/>
              </a:rPr>
              <a:t>2014</a:t>
            </a:r>
            <a:endParaRPr lang="en-US" sz="1200" spc="-2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32" name="OTLSHAPE_M_8575e897a41949048038b0ff7a41e5dd_Title"/>
          <p:cNvSpPr txBox="1"/>
          <p:nvPr>
            <p:custDataLst>
              <p:tags r:id="rId27"/>
            </p:custDataLst>
          </p:nvPr>
        </p:nvSpPr>
        <p:spPr>
          <a:xfrm>
            <a:off x="1332039" y="2226620"/>
            <a:ext cx="2451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The Springs, A Montessori School was founded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as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a half day preschool program.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3" name="OTLSHAPE_M_8575e897a41949048038b0ff7a41e5dd_Date"/>
          <p:cNvSpPr txBox="1"/>
          <p:nvPr>
            <p:custDataLst>
              <p:tags r:id="rId28"/>
            </p:custDataLst>
          </p:nvPr>
        </p:nvSpPr>
        <p:spPr>
          <a:xfrm>
            <a:off x="1332039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7/1/196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4" name="OTLSHAPE_M_8575e897a41949048038b0ff7a41e5dd_Shape"/>
          <p:cNvSpPr/>
          <p:nvPr>
            <p:custDataLst>
              <p:tags r:id="rId29"/>
            </p:custDataLst>
          </p:nvPr>
        </p:nvSpPr>
        <p:spPr>
          <a:xfrm rot="16200000">
            <a:off x="1135189" y="2428960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OTLSHAPE_M_96c8e067041c4cb09fe6b98be9db4b1b_Title"/>
          <p:cNvSpPr txBox="1"/>
          <p:nvPr>
            <p:custDataLst>
              <p:tags r:id="rId30"/>
            </p:custDataLst>
          </p:nvPr>
        </p:nvSpPr>
        <p:spPr>
          <a:xfrm>
            <a:off x="7548821" y="2226620"/>
            <a:ext cx="2489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The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prings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increases to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a max capacity of 99 students.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6" name="OTLSHAPE_M_96c8e067041c4cb09fe6b98be9db4b1b_Date"/>
          <p:cNvSpPr txBox="1"/>
          <p:nvPr>
            <p:custDataLst>
              <p:tags r:id="rId31"/>
            </p:custDataLst>
          </p:nvPr>
        </p:nvSpPr>
        <p:spPr>
          <a:xfrm>
            <a:off x="7548821" y="267707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7/1/1999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37" name="OTLSHAPE_M_96c8e067041c4cb09fe6b98be9db4b1b_Shape"/>
          <p:cNvSpPr/>
          <p:nvPr>
            <p:custDataLst>
              <p:tags r:id="rId32"/>
            </p:custDataLst>
          </p:nvPr>
        </p:nvSpPr>
        <p:spPr>
          <a:xfrm rot="16200000">
            <a:off x="7351971" y="2428960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M_bebfde3abc684c6aa15ecbbbd869c8d6_Title"/>
          <p:cNvSpPr txBox="1"/>
          <p:nvPr>
            <p:custDataLst>
              <p:tags r:id="rId33"/>
            </p:custDataLst>
          </p:nvPr>
        </p:nvSpPr>
        <p:spPr>
          <a:xfrm>
            <a:off x="10446513" y="1802185"/>
            <a:ext cx="1600200" cy="8463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After 48 years, The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prings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relocates and expands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to include infant and toddlers raising the total number of enrolled students to 145.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39" name="OTLSHAPE_M_bebfde3abc684c6aa15ecbbbd869c8d6_Date"/>
          <p:cNvSpPr txBox="1"/>
          <p:nvPr>
            <p:custDataLst>
              <p:tags r:id="rId34"/>
            </p:custDataLst>
          </p:nvPr>
        </p:nvSpPr>
        <p:spPr>
          <a:xfrm>
            <a:off x="10446513" y="267707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11/17/2014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0" name="OTLSHAPE_M_bebfde3abc684c6aa15ecbbbd869c8d6_Shape"/>
          <p:cNvSpPr/>
          <p:nvPr>
            <p:custDataLst>
              <p:tags r:id="rId35"/>
            </p:custDataLst>
          </p:nvPr>
        </p:nvSpPr>
        <p:spPr>
          <a:xfrm rot="16200000">
            <a:off x="10249663" y="2258441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8e8e54a481a042eab1f801456bc05c03_Title"/>
          <p:cNvSpPr txBox="1"/>
          <p:nvPr>
            <p:custDataLst>
              <p:tags r:id="rId36"/>
            </p:custDataLst>
          </p:nvPr>
        </p:nvSpPr>
        <p:spPr>
          <a:xfrm>
            <a:off x="4723339" y="3996464"/>
            <a:ext cx="24384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The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 full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day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preschool program opens.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2" name="OTLSHAPE_M_8e8e54a481a042eab1f801456bc05c03_Date"/>
          <p:cNvSpPr txBox="1"/>
          <p:nvPr>
            <p:custDataLst>
              <p:tags r:id="rId37"/>
            </p:custDataLst>
          </p:nvPr>
        </p:nvSpPr>
        <p:spPr>
          <a:xfrm>
            <a:off x="4723339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7/1/1984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3" name="OTLSHAPE_M_8e8e54a481a042eab1f801456bc05c03_Shape"/>
          <p:cNvSpPr/>
          <p:nvPr>
            <p:custDataLst>
              <p:tags r:id="rId38"/>
            </p:custDataLst>
          </p:nvPr>
        </p:nvSpPr>
        <p:spPr>
          <a:xfrm rot="16200000">
            <a:off x="4526489" y="3882941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M_784a7d6d7d0d45239f289892b8d2091d_Title"/>
          <p:cNvSpPr txBox="1"/>
          <p:nvPr>
            <p:custDataLst>
              <p:tags r:id="rId39"/>
            </p:custDataLst>
          </p:nvPr>
        </p:nvSpPr>
        <p:spPr>
          <a:xfrm>
            <a:off x="10786417" y="4168225"/>
            <a:ext cx="1346200" cy="5078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The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Spanish Immersion Elementary Program 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opens</a:t>
            </a:r>
            <a:r>
              <a:rPr lang="en-US" sz="1100" b="1" dirty="0" smtClean="0">
                <a:solidFill>
                  <a:schemeClr val="dk1"/>
                </a:solidFill>
                <a:latin typeface="Calibri"/>
              </a:rPr>
              <a:t>.</a:t>
            </a:r>
            <a:endParaRPr lang="en-US" sz="1100" b="1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48" name="OTLSHAPE_M_784a7d6d7d0d45239f289892b8d2091d_Date"/>
          <p:cNvSpPr txBox="1"/>
          <p:nvPr>
            <p:custDataLst>
              <p:tags r:id="rId40"/>
            </p:custDataLst>
          </p:nvPr>
        </p:nvSpPr>
        <p:spPr>
          <a:xfrm>
            <a:off x="10786417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smtClean="0">
                <a:solidFill>
                  <a:srgbClr val="1F497E"/>
                </a:solidFill>
                <a:latin typeface="Calibri"/>
              </a:rPr>
              <a:t>9/6/2016</a:t>
            </a:r>
            <a:endParaRPr lang="en-US" sz="1000" spc="-8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9" name="OTLSHAPE_M_784a7d6d7d0d45239f289892b8d2091d_Shape"/>
          <p:cNvSpPr/>
          <p:nvPr>
            <p:custDataLst>
              <p:tags r:id="rId41"/>
            </p:custDataLst>
          </p:nvPr>
        </p:nvSpPr>
        <p:spPr>
          <a:xfrm rot="16200000">
            <a:off x="10589567" y="422397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ElapsedTime" hidden="1"/>
          <p:cNvSpPr/>
          <p:nvPr>
            <p:custDataLst>
              <p:tags r:id="rId42"/>
            </p:custDataLst>
          </p:nvPr>
        </p:nvSpPr>
        <p:spPr>
          <a:xfrm>
            <a:off x="0" y="342900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8634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AuMSIsIk9yaWdpbmFsQXNzZW1ibHlWZXJzaW9uIjoiMy4wNy4wM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xMTQsIkIiOjE5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E5MiwiRyI6ODAsIkIiOjc3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mZhbHN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xLCJBYnNvbHV0ZVBvc2l0aW9uIjoyNDAuMC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mZhbHNlfSwiU2NhbGUiOnsiJGlkIjoiMTIyIiwiU3RhcnREYXRlIjoiMTk2Ni0wNy0wMVQyMzo1OTo1OS45OTlaIiwiRW5kRGF0ZSI6IjIwMTYtMDktMDZUMjM6NTk6NTkuOTk5WiIsIkZvcm1hdCI6Ik1NTSIsIlR5cGUiOjQsIkF1dG9EYXRlUmFuZ2UiOnRydWUsIldvcmtpbmdEYXlzIjozMSwiVG9kYXlNYXJrZXJUZXh0IjoiVG9kYXkiLCJBdXRvU2NhbGVUeXBlIjp0cnVlfSwiTWlsZXN0b25lcyI6W3siJGlkIjoiMTIzIiwiRGF0ZSI6IjE5NjYtMDc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DU3NWU4OTctYTQxOS00OTA0LTgwMzgtYjBmZjdhNDFlNWRkIiwiSW1wb3J0SWQiOm51bGwsIlRpdGxlIjoiVGhlIFNwcmluZ3MsIEEgTW9udGVzc29yaSBTY2hvb2wgd2FzIGZvdW5kZWQgYnkgVGhvbWFzIGFuZCBCYXJiYXJhIEtlcnJpc3RlciBhcyBhIGhhbGYgZGF5IHByZXNjaG9vbCBwcm9ncmFtLiIsIk5vdGUiOm51bGwsIkh5cGVybGluayI6bnVsbCwiSXNDaGFuZ2VkIjpmYWxzZSwiSXNOZXciOmZhbHNlfSx7IiRpZCI6IjEzOCIsIkRhdGUiOiIxOTg0LTA3LTA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Q5IiwiTGluZUNvbG9yIjpudWxsLCJMaW5lV2VpZ2h0IjowLjAsIkxpbmVUeXBlIjowLCJQYXJlbnRTdHlsZSI6bnVsbH0sIlBhcmVudFN0eWxlIjp7IiRyZWYiOiI2NSJ9fSwiRGF0ZVN0eWxlIjp7IiRpZCI6IjE1MCIsIkZvbnRTZXR0aW5ncyI6eyIkaWQiOiIxN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ZThlNTRhNC04MWEwLTQyZWEtYjFmOC0wMTQ1NmJjMDVjMDMiLCJJbXBvcnRJZCI6bnVsbCwiVGl0bGUiOiJDYXRoZXJpbmUgU2hpZWxkcyBib3VnaHQgVGhlIFNwcmluZ3MgYW5kIGV4cGFuZGVkIHRoZSBzY2hvb2wgdG8gaW5jbHVkZSBmdWxsIGRheSBzdHVkZW50cy4iLCJOb3RlIjpudWxsLCJIeXBlcmxpbmsiOm51bGwsIklzQ2hhbmdlZCI6ZmFsc2UsIklzTmV3IjpmYWxzZX0seyIkaWQiOiIxNTMiLCJEYXRlIjoiMTk5OS0wNy0wMV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Y4LCJHIjoxMTQsIkIiOjE5Nn19LCJMaW5lV2VpZ2h0IjoxLjAsIkxpbmVUeXBlIjowLCJQYXJlbnRTdHlsZSI6eyIkcmVmIjoiNTUifX0sIklzQmVsb3dUaW1lYmFuZCI6ZmFsc2UsIkhpZGVEYXRlIjpmYWxzZSwiU2hhcGVTaXplIjoxLCJTcGFjaW5nIjoyLjAsIlBhZGRpbmciOnsiJHJlZiI6IjU4In0sIlNoYXBlU3R5bGUiOnsiJGlkIjoiMTU4IiwiTWFyZ2luIjp7IiRyZWYiOiI2MCJ9LCJQYWRkaW5nIjp7IiRyZWYiOiI2MSJ9LCJCYWNrZ3JvdW5kIjp7IiRpZCI6IjE1OSIsIkNvbG9yIjp7IiRpZCI6IjE2MCIsIkEiOjI1NSwiUiI6NjgsIkciOjExNCwiQiI6MTk2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k2YzhlMDY3LTA0MWMtNGNiMC05ZmU2LWI5OGJlOWRiNGIxYiIsIkltcG9ydElkIjpudWxsLCJUaXRsZSI6IlBhdHJpY2lhIFRvb2xlIHB1cmNoYXNlZCBUaGUgU3ByaW5ncyBhbmQgYnJvdWdodCB0aGUgc2Nob29sIHRvIGEgbWF4IGNhcGFjaXR5IG9mIDk5IHN0dWRlbnRzLiIsIk5vdGUiOm51bGwsIkh5cGVybGluayI6bnVsbCwiSXNDaGFuZ2VkIjpmYWxzZSwiSXNOZXciOmZhbHNlfSx7IiRpZCI6IjE2OCIsIkRhdGUiOiIyMDExLTA3LTAx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OTEsIkciOjE1NSwiQiI6MjEzfX0sIkxpbmVXZWlnaHQiOjEuMCwiTGluZVR5cGUiOjAsIlBhcmVudFN0eWxlIjp7IiRyZWYiOiI1NSJ9fSwiSXNCZWxvd1RpbWViYW5kIjp0cnVlLCJIaWRlRGF0ZSI6ZmFsc2UsIlNoYXBlU2l6ZSI6MSwiU3BhY2luZyI6Mi4wLCJQYWRkaW5nIjp7IiRyZWYiOiI1OCJ9LCJTaGFwZVN0eWxlIjp7IiRpZCI6IjE3MyIsIk1hcmdpbiI6eyIkcmVmIjoiNjAifSwiUGFkZGluZyI6eyIkcmVmIjoiNjEifSwiQmFja2dyb3VuZCI6eyIkaWQiOiIxNzQiLCJDb2xvciI6eyIkaWQiOiIxNzUiLCJBIjoyNTUsIlIiOjkxLCJHIjoxNTUsIkIiOjIxM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79</Words>
  <Application>Microsoft Office PowerPoint</Application>
  <PresentationFormat>Custom</PresentationFormat>
  <Paragraphs>2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1-18T23:21:56Z</dcterms:created>
  <dcterms:modified xsi:type="dcterms:W3CDTF">2016-04-20T18:37:58Z</dcterms:modified>
</cp:coreProperties>
</file>